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"/>
  </p:sldMasterIdLst>
  <p:notesMasterIdLst>
    <p:notesMasterId r:id="rId11"/>
  </p:notesMasterIdLst>
  <p:handoutMasterIdLst>
    <p:handoutMasterId r:id="rId12"/>
  </p:handoutMasterIdLst>
  <p:sldIdLst>
    <p:sldId id="3498" r:id="rId9"/>
    <p:sldId id="499" r:id="rId1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0" name="Author" initials="A" lastIdx="0" clrIdx="9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C5BD419-F0A5-45CD-929D-E5DE8163788A}" v="13" dt="2025-05-17T05:36:49.481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D7AC3CCA-C797-4891-BE02-D94E43425B78}" styleName="Medium Style 4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dk1"/>
              </a:solidFill>
            </a:ln>
          </a:left>
          <a:right>
            <a:ln w="12700" cmpd="sng">
              <a:solidFill>
                <a:schemeClr val="dk1"/>
              </a:solidFill>
            </a:ln>
          </a:right>
          <a:top>
            <a:ln w="12700" cmpd="sng">
              <a:solidFill>
                <a:schemeClr val="dk1"/>
              </a:solidFill>
            </a:ln>
          </a:top>
          <a:bottom>
            <a:ln w="12700" cmpd="sng">
              <a:solidFill>
                <a:schemeClr val="dk1"/>
              </a:solidFill>
            </a:ln>
          </a:bottom>
          <a:insideH>
            <a:ln w="12700" cmpd="sng">
              <a:solidFill>
                <a:schemeClr val="dk1"/>
              </a:solidFill>
            </a:ln>
          </a:insideH>
          <a:insideV>
            <a:ln w="12700" cmpd="sng">
              <a:solidFill>
                <a:schemeClr val="dk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dk1"/>
              </a:solidFill>
            </a:ln>
          </a:top>
        </a:tcBdr>
        <a:fill>
          <a:solidFill>
            <a:schemeClr val="dk1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dk1">
              <a:tint val="20000"/>
            </a:schemeClr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17292A2E-F333-43FB-9621-5CBBE7FDCDCB}" styleName="Light Style 2 - Accent 4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4"/>
            </a:lnRef>
          </a:top>
          <a:bottom>
            <a:lnRef idx="1">
              <a:schemeClr val="accent4"/>
            </a:lnRef>
          </a:bottom>
        </a:tcBdr>
      </a:tcStyle>
    </a:band1H>
    <a:band1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1V>
    <a:band2V>
      <a:tcStyle>
        <a:tcBdr>
          <a:left>
            <a:lnRef idx="1">
              <a:schemeClr val="accent4"/>
            </a:lnRef>
          </a:left>
          <a:right>
            <a:lnRef idx="1">
              <a:schemeClr val="accent4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4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4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9986" autoAdjust="0"/>
    <p:restoredTop sz="88078" autoAdjust="0"/>
  </p:normalViewPr>
  <p:slideViewPr>
    <p:cSldViewPr snapToGrid="0" showGuides="1">
      <p:cViewPr varScale="1">
        <p:scale>
          <a:sx n="140" d="100"/>
          <a:sy n="140" d="100"/>
        </p:scale>
        <p:origin x="720" y="138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commentAuthors" Target="commentAuthors.xml"/><Relationship Id="rId18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handoutMaster" Target="handoutMasters/handoutMaster1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" Target="slides/slide2.xml"/><Relationship Id="rId19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presProps" Target="pres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arna Kühnell Gautier" userId="7bc5c94c-3145-4d79-a186-056f2bbd7fb9" providerId="ADAL" clId="{EC5BD419-F0A5-45CD-929D-E5DE8163788A}"/>
    <pc:docChg chg="undo custSel addSld delSld modSld sldOrd">
      <pc:chgData name="Karna Kühnell Gautier" userId="7bc5c94c-3145-4d79-a186-056f2bbd7fb9" providerId="ADAL" clId="{EC5BD419-F0A5-45CD-929D-E5DE8163788A}" dt="2025-05-17T06:17:45.617" v="561" actId="20577"/>
      <pc:docMkLst>
        <pc:docMk/>
      </pc:docMkLst>
      <pc:sldChg chg="del">
        <pc:chgData name="Karna Kühnell Gautier" userId="7bc5c94c-3145-4d79-a186-056f2bbd7fb9" providerId="ADAL" clId="{EC5BD419-F0A5-45CD-929D-E5DE8163788A}" dt="2025-05-16T19:50:22.888" v="15" actId="47"/>
        <pc:sldMkLst>
          <pc:docMk/>
          <pc:sldMk cId="3988939521" sldId="256"/>
        </pc:sldMkLst>
      </pc:sldChg>
      <pc:sldChg chg="modSp del mod">
        <pc:chgData name="Karna Kühnell Gautier" userId="7bc5c94c-3145-4d79-a186-056f2bbd7fb9" providerId="ADAL" clId="{EC5BD419-F0A5-45CD-929D-E5DE8163788A}" dt="2025-05-16T19:50:17.539" v="7" actId="47"/>
        <pc:sldMkLst>
          <pc:docMk/>
          <pc:sldMk cId="126127179" sldId="257"/>
        </pc:sldMkLst>
        <pc:spChg chg="mod">
          <ac:chgData name="Karna Kühnell Gautier" userId="7bc5c94c-3145-4d79-a186-056f2bbd7fb9" providerId="ADAL" clId="{EC5BD419-F0A5-45CD-929D-E5DE8163788A}" dt="2025-05-16T19:50:06.256" v="6" actId="20577"/>
          <ac:spMkLst>
            <pc:docMk/>
            <pc:sldMk cId="126127179" sldId="257"/>
            <ac:spMk id="32" creationId="{A51DA613-011A-5841-A3FA-68B2D005A18D}"/>
          </ac:spMkLst>
        </pc:spChg>
      </pc:sldChg>
      <pc:sldChg chg="del">
        <pc:chgData name="Karna Kühnell Gautier" userId="7bc5c94c-3145-4d79-a186-056f2bbd7fb9" providerId="ADAL" clId="{EC5BD419-F0A5-45CD-929D-E5DE8163788A}" dt="2025-05-16T19:50:18.726" v="10" actId="47"/>
        <pc:sldMkLst>
          <pc:docMk/>
          <pc:sldMk cId="2708050655" sldId="264"/>
        </pc:sldMkLst>
      </pc:sldChg>
      <pc:sldChg chg="modSp mod">
        <pc:chgData name="Karna Kühnell Gautier" userId="7bc5c94c-3145-4d79-a186-056f2bbd7fb9" providerId="ADAL" clId="{EC5BD419-F0A5-45CD-929D-E5DE8163788A}" dt="2025-05-17T06:17:12.577" v="557" actId="20577"/>
        <pc:sldMkLst>
          <pc:docMk/>
          <pc:sldMk cId="2494080234" sldId="499"/>
        </pc:sldMkLst>
        <pc:spChg chg="mod">
          <ac:chgData name="Karna Kühnell Gautier" userId="7bc5c94c-3145-4d79-a186-056f2bbd7fb9" providerId="ADAL" clId="{EC5BD419-F0A5-45CD-929D-E5DE8163788A}" dt="2025-05-17T06:17:12.577" v="557" actId="20577"/>
          <ac:spMkLst>
            <pc:docMk/>
            <pc:sldMk cId="2494080234" sldId="499"/>
            <ac:spMk id="3" creationId="{8A0B70BD-DF43-8254-06A1-0CCE89E9F901}"/>
          </ac:spMkLst>
        </pc:spChg>
      </pc:sldChg>
      <pc:sldChg chg="del">
        <pc:chgData name="Karna Kühnell Gautier" userId="7bc5c94c-3145-4d79-a186-056f2bbd7fb9" providerId="ADAL" clId="{EC5BD419-F0A5-45CD-929D-E5DE8163788A}" dt="2025-05-16T19:50:35.298" v="37" actId="47"/>
        <pc:sldMkLst>
          <pc:docMk/>
          <pc:sldMk cId="883927049" sldId="1957"/>
        </pc:sldMkLst>
      </pc:sldChg>
      <pc:sldChg chg="del">
        <pc:chgData name="Karna Kühnell Gautier" userId="7bc5c94c-3145-4d79-a186-056f2bbd7fb9" providerId="ADAL" clId="{EC5BD419-F0A5-45CD-929D-E5DE8163788A}" dt="2025-05-16T19:50:32.849" v="34" actId="47"/>
        <pc:sldMkLst>
          <pc:docMk/>
          <pc:sldMk cId="3633538992" sldId="1969"/>
        </pc:sldMkLst>
      </pc:sldChg>
      <pc:sldChg chg="del">
        <pc:chgData name="Karna Kühnell Gautier" userId="7bc5c94c-3145-4d79-a186-056f2bbd7fb9" providerId="ADAL" clId="{EC5BD419-F0A5-45CD-929D-E5DE8163788A}" dt="2025-05-16T19:50:33.071" v="35" actId="47"/>
        <pc:sldMkLst>
          <pc:docMk/>
          <pc:sldMk cId="1811453090" sldId="1970"/>
        </pc:sldMkLst>
      </pc:sldChg>
      <pc:sldChg chg="del">
        <pc:chgData name="Karna Kühnell Gautier" userId="7bc5c94c-3145-4d79-a186-056f2bbd7fb9" providerId="ADAL" clId="{EC5BD419-F0A5-45CD-929D-E5DE8163788A}" dt="2025-05-16T19:50:33.349" v="36" actId="47"/>
        <pc:sldMkLst>
          <pc:docMk/>
          <pc:sldMk cId="1417362961" sldId="1971"/>
        </pc:sldMkLst>
      </pc:sldChg>
      <pc:sldChg chg="del">
        <pc:chgData name="Karna Kühnell Gautier" userId="7bc5c94c-3145-4d79-a186-056f2bbd7fb9" providerId="ADAL" clId="{EC5BD419-F0A5-45CD-929D-E5DE8163788A}" dt="2025-05-16T19:50:22.346" v="12" actId="47"/>
        <pc:sldMkLst>
          <pc:docMk/>
          <pc:sldMk cId="952059759" sldId="3165"/>
        </pc:sldMkLst>
      </pc:sldChg>
      <pc:sldChg chg="del">
        <pc:chgData name="Karna Kühnell Gautier" userId="7bc5c94c-3145-4d79-a186-056f2bbd7fb9" providerId="ADAL" clId="{EC5BD419-F0A5-45CD-929D-E5DE8163788A}" dt="2025-05-16T19:50:23.238" v="17" actId="47"/>
        <pc:sldMkLst>
          <pc:docMk/>
          <pc:sldMk cId="4167858188" sldId="3167"/>
        </pc:sldMkLst>
      </pc:sldChg>
      <pc:sldChg chg="del">
        <pc:chgData name="Karna Kühnell Gautier" userId="7bc5c94c-3145-4d79-a186-056f2bbd7fb9" providerId="ADAL" clId="{EC5BD419-F0A5-45CD-929D-E5DE8163788A}" dt="2025-05-16T19:50:28.072" v="30" actId="47"/>
        <pc:sldMkLst>
          <pc:docMk/>
          <pc:sldMk cId="2498703886" sldId="3170"/>
        </pc:sldMkLst>
      </pc:sldChg>
      <pc:sldChg chg="del">
        <pc:chgData name="Karna Kühnell Gautier" userId="7bc5c94c-3145-4d79-a186-056f2bbd7fb9" providerId="ADAL" clId="{EC5BD419-F0A5-45CD-929D-E5DE8163788A}" dt="2025-05-16T19:50:29.189" v="32" actId="47"/>
        <pc:sldMkLst>
          <pc:docMk/>
          <pc:sldMk cId="1998580299" sldId="3171"/>
        </pc:sldMkLst>
      </pc:sldChg>
      <pc:sldChg chg="del">
        <pc:chgData name="Karna Kühnell Gautier" userId="7bc5c94c-3145-4d79-a186-056f2bbd7fb9" providerId="ADAL" clId="{EC5BD419-F0A5-45CD-929D-E5DE8163788A}" dt="2025-05-16T19:50:24.520" v="22" actId="47"/>
        <pc:sldMkLst>
          <pc:docMk/>
          <pc:sldMk cId="877361045" sldId="3482"/>
        </pc:sldMkLst>
      </pc:sldChg>
      <pc:sldChg chg="del">
        <pc:chgData name="Karna Kühnell Gautier" userId="7bc5c94c-3145-4d79-a186-056f2bbd7fb9" providerId="ADAL" clId="{EC5BD419-F0A5-45CD-929D-E5DE8163788A}" dt="2025-05-16T19:50:25.385" v="23" actId="47"/>
        <pc:sldMkLst>
          <pc:docMk/>
          <pc:sldMk cId="3709003551" sldId="3483"/>
        </pc:sldMkLst>
      </pc:sldChg>
      <pc:sldChg chg="del">
        <pc:chgData name="Karna Kühnell Gautier" userId="7bc5c94c-3145-4d79-a186-056f2bbd7fb9" providerId="ADAL" clId="{EC5BD419-F0A5-45CD-929D-E5DE8163788A}" dt="2025-05-16T19:50:25.620" v="24" actId="47"/>
        <pc:sldMkLst>
          <pc:docMk/>
          <pc:sldMk cId="1551309399" sldId="3485"/>
        </pc:sldMkLst>
      </pc:sldChg>
      <pc:sldChg chg="del">
        <pc:chgData name="Karna Kühnell Gautier" userId="7bc5c94c-3145-4d79-a186-056f2bbd7fb9" providerId="ADAL" clId="{EC5BD419-F0A5-45CD-929D-E5DE8163788A}" dt="2025-05-16T19:50:25.828" v="25" actId="47"/>
        <pc:sldMkLst>
          <pc:docMk/>
          <pc:sldMk cId="2810831698" sldId="3487"/>
        </pc:sldMkLst>
      </pc:sldChg>
      <pc:sldChg chg="del">
        <pc:chgData name="Karna Kühnell Gautier" userId="7bc5c94c-3145-4d79-a186-056f2bbd7fb9" providerId="ADAL" clId="{EC5BD419-F0A5-45CD-929D-E5DE8163788A}" dt="2025-05-16T19:50:27.158" v="28" actId="47"/>
        <pc:sldMkLst>
          <pc:docMk/>
          <pc:sldMk cId="3509999522" sldId="3488"/>
        </pc:sldMkLst>
      </pc:sldChg>
      <pc:sldChg chg="del">
        <pc:chgData name="Karna Kühnell Gautier" userId="7bc5c94c-3145-4d79-a186-056f2bbd7fb9" providerId="ADAL" clId="{EC5BD419-F0A5-45CD-929D-E5DE8163788A}" dt="2025-05-16T19:50:23.425" v="18" actId="47"/>
        <pc:sldMkLst>
          <pc:docMk/>
          <pc:sldMk cId="2658892471" sldId="3490"/>
        </pc:sldMkLst>
      </pc:sldChg>
      <pc:sldChg chg="del">
        <pc:chgData name="Karna Kühnell Gautier" userId="7bc5c94c-3145-4d79-a186-056f2bbd7fb9" providerId="ADAL" clId="{EC5BD419-F0A5-45CD-929D-E5DE8163788A}" dt="2025-05-16T19:50:23.786" v="20" actId="47"/>
        <pc:sldMkLst>
          <pc:docMk/>
          <pc:sldMk cId="636011974" sldId="3491"/>
        </pc:sldMkLst>
      </pc:sldChg>
      <pc:sldChg chg="del">
        <pc:chgData name="Karna Kühnell Gautier" userId="7bc5c94c-3145-4d79-a186-056f2bbd7fb9" providerId="ADAL" clId="{EC5BD419-F0A5-45CD-929D-E5DE8163788A}" dt="2025-05-16T19:50:26.706" v="27" actId="47"/>
        <pc:sldMkLst>
          <pc:docMk/>
          <pc:sldMk cId="3609417227" sldId="3492"/>
        </pc:sldMkLst>
      </pc:sldChg>
      <pc:sldChg chg="del">
        <pc:chgData name="Karna Kühnell Gautier" userId="7bc5c94c-3145-4d79-a186-056f2bbd7fb9" providerId="ADAL" clId="{EC5BD419-F0A5-45CD-929D-E5DE8163788A}" dt="2025-05-16T19:50:26.022" v="26" actId="47"/>
        <pc:sldMkLst>
          <pc:docMk/>
          <pc:sldMk cId="1646587527" sldId="3493"/>
        </pc:sldMkLst>
      </pc:sldChg>
      <pc:sldChg chg="del">
        <pc:chgData name="Karna Kühnell Gautier" userId="7bc5c94c-3145-4d79-a186-056f2bbd7fb9" providerId="ADAL" clId="{EC5BD419-F0A5-45CD-929D-E5DE8163788A}" dt="2025-05-16T19:50:18.373" v="9" actId="47"/>
        <pc:sldMkLst>
          <pc:docMk/>
          <pc:sldMk cId="1281809387" sldId="3495"/>
        </pc:sldMkLst>
      </pc:sldChg>
      <pc:sldChg chg="del">
        <pc:chgData name="Karna Kühnell Gautier" userId="7bc5c94c-3145-4d79-a186-056f2bbd7fb9" providerId="ADAL" clId="{EC5BD419-F0A5-45CD-929D-E5DE8163788A}" dt="2025-05-16T19:50:19.175" v="11" actId="47"/>
        <pc:sldMkLst>
          <pc:docMk/>
          <pc:sldMk cId="4280695765" sldId="3496"/>
        </pc:sldMkLst>
      </pc:sldChg>
      <pc:sldChg chg="modSp mod modShow">
        <pc:chgData name="Karna Kühnell Gautier" userId="7bc5c94c-3145-4d79-a186-056f2bbd7fb9" providerId="ADAL" clId="{EC5BD419-F0A5-45CD-929D-E5DE8163788A}" dt="2025-05-17T06:17:45.617" v="561" actId="20577"/>
        <pc:sldMkLst>
          <pc:docMk/>
          <pc:sldMk cId="3552687407" sldId="3497"/>
        </pc:sldMkLst>
        <pc:spChg chg="mod">
          <ac:chgData name="Karna Kühnell Gautier" userId="7bc5c94c-3145-4d79-a186-056f2bbd7fb9" providerId="ADAL" clId="{EC5BD419-F0A5-45CD-929D-E5DE8163788A}" dt="2025-05-17T06:17:45.617" v="561" actId="20577"/>
          <ac:spMkLst>
            <pc:docMk/>
            <pc:sldMk cId="3552687407" sldId="3497"/>
            <ac:spMk id="3" creationId="{8A0B70BD-DF43-8254-06A1-0CCE89E9F901}"/>
          </ac:spMkLst>
        </pc:spChg>
      </pc:sldChg>
      <pc:sldChg chg="modSp new mod ord">
        <pc:chgData name="Karna Kühnell Gautier" userId="7bc5c94c-3145-4d79-a186-056f2bbd7fb9" providerId="ADAL" clId="{EC5BD419-F0A5-45CD-929D-E5DE8163788A}" dt="2025-05-17T05:31:02.491" v="356" actId="1076"/>
        <pc:sldMkLst>
          <pc:docMk/>
          <pc:sldMk cId="1089379505" sldId="3498"/>
        </pc:sldMkLst>
        <pc:spChg chg="mod">
          <ac:chgData name="Karna Kühnell Gautier" userId="7bc5c94c-3145-4d79-a186-056f2bbd7fb9" providerId="ADAL" clId="{EC5BD419-F0A5-45CD-929D-E5DE8163788A}" dt="2025-05-16T19:54:08.426" v="200" actId="20577"/>
          <ac:spMkLst>
            <pc:docMk/>
            <pc:sldMk cId="1089379505" sldId="3498"/>
            <ac:spMk id="2" creationId="{3E5F43F0-9632-E2D4-56DE-2369D3545892}"/>
          </ac:spMkLst>
        </pc:spChg>
        <pc:spChg chg="mod">
          <ac:chgData name="Karna Kühnell Gautier" userId="7bc5c94c-3145-4d79-a186-056f2bbd7fb9" providerId="ADAL" clId="{EC5BD419-F0A5-45CD-929D-E5DE8163788A}" dt="2025-05-17T05:31:02.491" v="356" actId="1076"/>
          <ac:spMkLst>
            <pc:docMk/>
            <pc:sldMk cId="1089379505" sldId="3498"/>
            <ac:spMk id="3" creationId="{2DFFCD23-03BB-A670-1578-E8393AF51259}"/>
          </ac:spMkLst>
        </pc:spChg>
      </pc:sldChg>
      <pc:sldChg chg="del">
        <pc:chgData name="Karna Kühnell Gautier" userId="7bc5c94c-3145-4d79-a186-056f2bbd7fb9" providerId="ADAL" clId="{EC5BD419-F0A5-45CD-929D-E5DE8163788A}" dt="2025-05-16T19:50:22.559" v="13" actId="47"/>
        <pc:sldMkLst>
          <pc:docMk/>
          <pc:sldMk cId="4251686350" sldId="3498"/>
        </pc:sldMkLst>
      </pc:sldChg>
      <pc:sldChg chg="modSp new mod ord">
        <pc:chgData name="Karna Kühnell Gautier" userId="7bc5c94c-3145-4d79-a186-056f2bbd7fb9" providerId="ADAL" clId="{EC5BD419-F0A5-45CD-929D-E5DE8163788A}" dt="2025-05-17T05:36:51.303" v="495" actId="6549"/>
        <pc:sldMkLst>
          <pc:docMk/>
          <pc:sldMk cId="1783286341" sldId="3499"/>
        </pc:sldMkLst>
        <pc:spChg chg="mod">
          <ac:chgData name="Karna Kühnell Gautier" userId="7bc5c94c-3145-4d79-a186-056f2bbd7fb9" providerId="ADAL" clId="{EC5BD419-F0A5-45CD-929D-E5DE8163788A}" dt="2025-05-17T05:32:30.041" v="415" actId="20577"/>
          <ac:spMkLst>
            <pc:docMk/>
            <pc:sldMk cId="1783286341" sldId="3499"/>
            <ac:spMk id="2" creationId="{EC089800-8349-37DF-D26B-5F12F7FBA85F}"/>
          </ac:spMkLst>
        </pc:spChg>
        <pc:spChg chg="mod">
          <ac:chgData name="Karna Kühnell Gautier" userId="7bc5c94c-3145-4d79-a186-056f2bbd7fb9" providerId="ADAL" clId="{EC5BD419-F0A5-45CD-929D-E5DE8163788A}" dt="2025-05-17T05:36:51.303" v="495" actId="6549"/>
          <ac:spMkLst>
            <pc:docMk/>
            <pc:sldMk cId="1783286341" sldId="3499"/>
            <ac:spMk id="3" creationId="{331B73CE-B881-5DE6-DE03-0042608D567C}"/>
          </ac:spMkLst>
        </pc:spChg>
      </pc:sldChg>
      <pc:sldChg chg="del">
        <pc:chgData name="Karna Kühnell Gautier" userId="7bc5c94c-3145-4d79-a186-056f2bbd7fb9" providerId="ADAL" clId="{EC5BD419-F0A5-45CD-929D-E5DE8163788A}" dt="2025-05-16T19:50:28.591" v="31" actId="47"/>
        <pc:sldMkLst>
          <pc:docMk/>
          <pc:sldMk cId="4259870179" sldId="3499"/>
        </pc:sldMkLst>
      </pc:sldChg>
      <pc:sldChg chg="del">
        <pc:chgData name="Karna Kühnell Gautier" userId="7bc5c94c-3145-4d79-a186-056f2bbd7fb9" providerId="ADAL" clId="{EC5BD419-F0A5-45CD-929D-E5DE8163788A}" dt="2025-05-16T19:50:31.336" v="33" actId="47"/>
        <pc:sldMkLst>
          <pc:docMk/>
          <pc:sldMk cId="2461597738" sldId="3500"/>
        </pc:sldMkLst>
      </pc:sldChg>
      <pc:sldChg chg="del">
        <pc:chgData name="Karna Kühnell Gautier" userId="7bc5c94c-3145-4d79-a186-056f2bbd7fb9" providerId="ADAL" clId="{EC5BD419-F0A5-45CD-929D-E5DE8163788A}" dt="2025-05-16T19:50:23.067" v="16" actId="47"/>
        <pc:sldMkLst>
          <pc:docMk/>
          <pc:sldMk cId="474350292" sldId="3501"/>
        </pc:sldMkLst>
      </pc:sldChg>
      <pc:sldChg chg="del">
        <pc:chgData name="Karna Kühnell Gautier" userId="7bc5c94c-3145-4d79-a186-056f2bbd7fb9" providerId="ADAL" clId="{EC5BD419-F0A5-45CD-929D-E5DE8163788A}" dt="2025-05-16T19:50:23.601" v="19" actId="47"/>
        <pc:sldMkLst>
          <pc:docMk/>
          <pc:sldMk cId="1037072166" sldId="3502"/>
        </pc:sldMkLst>
      </pc:sldChg>
      <pc:sldChg chg="del">
        <pc:chgData name="Karna Kühnell Gautier" userId="7bc5c94c-3145-4d79-a186-056f2bbd7fb9" providerId="ADAL" clId="{EC5BD419-F0A5-45CD-929D-E5DE8163788A}" dt="2025-05-16T19:50:23.971" v="21" actId="47"/>
        <pc:sldMkLst>
          <pc:docMk/>
          <pc:sldMk cId="3903437703" sldId="3503"/>
        </pc:sldMkLst>
      </pc:sldChg>
      <pc:sldChg chg="del">
        <pc:chgData name="Karna Kühnell Gautier" userId="7bc5c94c-3145-4d79-a186-056f2bbd7fb9" providerId="ADAL" clId="{EC5BD419-F0A5-45CD-929D-E5DE8163788A}" dt="2025-05-16T19:50:22.711" v="14" actId="47"/>
        <pc:sldMkLst>
          <pc:docMk/>
          <pc:sldMk cId="1699051704" sldId="3504"/>
        </pc:sldMkLst>
      </pc:sldChg>
      <pc:sldChg chg="del">
        <pc:chgData name="Karna Kühnell Gautier" userId="7bc5c94c-3145-4d79-a186-056f2bbd7fb9" providerId="ADAL" clId="{EC5BD419-F0A5-45CD-929D-E5DE8163788A}" dt="2025-05-16T19:50:27.574" v="29" actId="47"/>
        <pc:sldMkLst>
          <pc:docMk/>
          <pc:sldMk cId="2644785165" sldId="3506"/>
        </pc:sldMkLst>
      </pc:sldChg>
      <pc:sldChg chg="del">
        <pc:chgData name="Karna Kühnell Gautier" userId="7bc5c94c-3145-4d79-a186-056f2bbd7fb9" providerId="ADAL" clId="{EC5BD419-F0A5-45CD-929D-E5DE8163788A}" dt="2025-05-16T19:50:17.992" v="8" actId="47"/>
        <pc:sldMkLst>
          <pc:docMk/>
          <pc:sldMk cId="1273791058" sldId="3507"/>
        </pc:sldMkLst>
      </pc:sldChg>
      <pc:sldMasterChg chg="delSldLayout">
        <pc:chgData name="Karna Kühnell Gautier" userId="7bc5c94c-3145-4d79-a186-056f2bbd7fb9" providerId="ADAL" clId="{EC5BD419-F0A5-45CD-929D-E5DE8163788A}" dt="2025-05-16T19:50:33.349" v="36" actId="47"/>
        <pc:sldMasterMkLst>
          <pc:docMk/>
          <pc:sldMasterMk cId="2143522105" sldId="2147483648"/>
        </pc:sldMasterMkLst>
        <pc:sldLayoutChg chg="del">
          <pc:chgData name="Karna Kühnell Gautier" userId="7bc5c94c-3145-4d79-a186-056f2bbd7fb9" providerId="ADAL" clId="{EC5BD419-F0A5-45CD-929D-E5DE8163788A}" dt="2025-05-16T19:50:33.349" v="36" actId="47"/>
          <pc:sldLayoutMkLst>
            <pc:docMk/>
            <pc:sldMasterMk cId="2143522105" sldId="2147483648"/>
            <pc:sldLayoutMk cId="1959574008" sldId="2147483697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>
            <a:extLst>
              <a:ext uri="{FF2B5EF4-FFF2-40B4-BE49-F238E27FC236}">
                <a16:creationId xmlns:a16="http://schemas.microsoft.com/office/drawing/2014/main" id="{919EC8BC-75F4-F49C-A59C-CE9BE15E0543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0ACE4C5A-CC4B-1AC7-1AE8-E7679DE2ECB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89FDB635-D8EB-4FE9-B145-392C6A76AE15}" type="datetimeFigureOut">
              <a:rPr lang="da-DK" smtClean="0"/>
              <a:t>19-05-2025</a:t>
            </a:fld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2987828C-CAF4-85E6-C5B6-7BC3C2EFCB7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da-DK"/>
              <a:t>november 2022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F77E209D-F623-1A55-A214-50117D6BA7C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0F94B99-4605-41C7-B9B0-0474C84F443D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446937248"/>
      </p:ext>
    </p:extLst>
  </p:cSld>
  <p:clrMap bg1="lt1" tx1="dk1" bg2="lt2" tx2="dk2" accent1="accent1" accent2="accent2" accent3="accent3" accent4="accent4" accent5="accent5" accent6="accent6" hlink="hlink" folHlink="folHlink"/>
  <p:hf hd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9/05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r>
              <a:rPr lang="en-GB"/>
              <a:t>november 2022</a:t>
            </a:r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hf hdr="0" dt="0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9471726b-0d41-4116-86d8-2cbee4305b0c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>
                <a:solidFill>
                  <a:schemeClr val="bg1"/>
                </a:solidFill>
              </a:rPr>
              <a:t>HR-service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f74ea2eb-fd78-43f5-9a4c-da36e36ed36f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bg1"/>
                </a:solidFill>
              </a:rPr>
              <a:t>juni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7324B88F-EF7D-4C51-B489-6B0A3CF20132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text" descr="{&quot;templafy&quot;:{&quot;id&quot;:&quot;472f669d-5212-4724-8bd4-d88b9719140a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HR-service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2e275e1b-e1f2-4374-8659-d1ee705ee4ac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juni 2021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AC5D20D-D2EB-46BD-AAEB-EB44D8D43934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4F5B945-291A-4D41-9F15-1F04E5C73FDC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56760329-2958-4195-AF46-53706ECCD66B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082D795-90EE-475E-A95C-0A29100ECBCA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>
  <p:cSld name="Sammenlig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986FBEC-F56B-3C40-8E86-16BD0A2CAE0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D0939925-C643-6B47-96BB-0208C891D82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C2C5ED7A-551E-4A45-98E6-99D3218D3BD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01C8449D-B5B6-0C4C-AA06-37120479CEC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9ECF9A35-2F8F-BC47-8A45-0A15CDC70AF0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7" name="Pladsholder til dato 6">
            <a:extLst>
              <a:ext uri="{FF2B5EF4-FFF2-40B4-BE49-F238E27FC236}">
                <a16:creationId xmlns:a16="http://schemas.microsoft.com/office/drawing/2014/main" id="{EB23DF10-F709-DE41-B40B-2246CB5C57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4E522B6-3DA1-4718-A6B9-A7352018A7E4}" type="datetime1">
              <a:rPr lang="da-DK" smtClean="0"/>
              <a:t>19-05-2025</a:t>
            </a:fld>
            <a:endParaRPr lang="en-GB"/>
          </a:p>
        </p:txBody>
      </p:sp>
      <p:sp>
        <p:nvSpPr>
          <p:cNvPr id="8" name="Pladsholder til sidefod 7">
            <a:extLst>
              <a:ext uri="{FF2B5EF4-FFF2-40B4-BE49-F238E27FC236}">
                <a16:creationId xmlns:a16="http://schemas.microsoft.com/office/drawing/2014/main" id="{F2922E75-03BA-D146-9E89-DEEA7F6B88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Pladsholder til slidenummer 8">
            <a:extLst>
              <a:ext uri="{FF2B5EF4-FFF2-40B4-BE49-F238E27FC236}">
                <a16:creationId xmlns:a16="http://schemas.microsoft.com/office/drawing/2014/main" id="{86F712A3-333E-C149-B9AE-0CF45C5728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20DF5B-33BE-C944-82D1-8C678841D4FE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59309366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5618C51-1F1E-B544-9BC5-1264DC614DC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DE86416-3988-094F-8B7F-FD3BEEE3F7A5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933AE777-2D86-E04D-BC8B-7FC115BA1DEA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EEED6A99-32CA-5B4D-A1A2-9905336E797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0DF4CE0-F898-4869-9E2A-2948CF2D1767}" type="datetime1">
              <a:rPr lang="da-DK" smtClean="0"/>
              <a:t>19-05-2025</a:t>
            </a:fld>
            <a:endParaRPr lang="en-GB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2C652A03-5AED-324E-8EB6-662B682C189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Pladsholder til slidenummer 6">
            <a:extLst>
              <a:ext uri="{FF2B5EF4-FFF2-40B4-BE49-F238E27FC236}">
                <a16:creationId xmlns:a16="http://schemas.microsoft.com/office/drawing/2014/main" id="{F808ADAF-B733-F24D-AE6A-9040613883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20DF5B-33BE-C944-82D1-8C678841D4FE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7168568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16001"/>
            <a:ext cx="10961999" cy="68421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0400" y="1989138"/>
            <a:ext cx="10962000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6" y="-350035"/>
            <a:ext cx="1212625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 sz="1800"/>
          </a:p>
        </p:txBody>
      </p:sp>
      <p:sp>
        <p:nvSpPr>
          <p:cNvPr id="14" name="Rectangle 13" descr="{&quot;templafy&quot;:{&quot;id&quot;:&quot;2bf27f94-2d26-431a-bf43-568ba28b0f1b&quot;}}">
            <a:extLst>
              <a:ext uri="{FF2B5EF4-FFF2-40B4-BE49-F238E27FC236}">
                <a16:creationId xmlns:a16="http://schemas.microsoft.com/office/drawing/2014/main" id="{B9A03C35-4D18-355F-3997-C5B91C1549F3}"/>
              </a:ext>
            </a:extLst>
          </p:cNvPr>
          <p:cNvSpPr/>
          <p:nvPr userDrawn="1"/>
        </p:nvSpPr>
        <p:spPr>
          <a:xfrm>
            <a:off x="9466054" y="6465600"/>
            <a:ext cx="233023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r>
              <a:rPr lang="da-DK" sz="1200" dirty="0" err="1">
                <a:solidFill>
                  <a:schemeClr val="tx1"/>
                </a:solidFill>
              </a:rPr>
              <a:t>februar 2024</a:t>
            </a:r>
          </a:p>
        </p:txBody>
      </p:sp>
      <p:sp>
        <p:nvSpPr>
          <p:cNvPr id="10" name="text" descr="{&quot;templafy&quot;:{&quot;id&quot;:&quot;3f37cef6-0953-4862-96d6-f8636aaeb91f&quot;}}" title="UserProfile.Institut.InstituteDCU_{{DocumentLanguage}}">
            <a:extLst>
              <a:ext uri="{FF2B5EF4-FFF2-40B4-BE49-F238E27FC236}">
                <a16:creationId xmlns:a16="http://schemas.microsoft.com/office/drawing/2014/main" id="{9352CC46-5D8A-E205-DA47-B8EE34FF28C9}"/>
              </a:ext>
            </a:extLst>
          </p:cNvPr>
          <p:cNvSpPr txBox="1">
            <a:spLocks/>
          </p:cNvSpPr>
          <p:nvPr userDrawn="1"/>
        </p:nvSpPr>
        <p:spPr>
          <a:xfrm>
            <a:off x="411163" y="293276"/>
            <a:ext cx="5684837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2848404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16001"/>
            <a:ext cx="10961999" cy="68421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0400" y="1989138"/>
            <a:ext cx="10962000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6" y="-350035"/>
            <a:ext cx="12126255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 sz="1800"/>
          </a:p>
        </p:txBody>
      </p:sp>
      <p:sp>
        <p:nvSpPr>
          <p:cNvPr id="14" name="Rectangle 13" descr="{&quot;templafy&quot;:{&quot;id&quot;:&quot;2bf27f94-2d26-431a-bf43-568ba28b0f1b&quot;}}">
            <a:extLst>
              <a:ext uri="{FF2B5EF4-FFF2-40B4-BE49-F238E27FC236}">
                <a16:creationId xmlns:a16="http://schemas.microsoft.com/office/drawing/2014/main" id="{B9A03C35-4D18-355F-3997-C5B91C1549F3}"/>
              </a:ext>
            </a:extLst>
          </p:cNvPr>
          <p:cNvSpPr/>
          <p:nvPr userDrawn="1"/>
        </p:nvSpPr>
        <p:spPr>
          <a:xfrm>
            <a:off x="9466054" y="6465600"/>
            <a:ext cx="2330237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r>
              <a:rPr lang="da-DK" sz="1200" dirty="0" err="1">
                <a:solidFill>
                  <a:schemeClr val="tx1"/>
                </a:solidFill>
              </a:rPr>
              <a:t>februar 2024</a:t>
            </a:r>
          </a:p>
        </p:txBody>
      </p:sp>
      <p:sp>
        <p:nvSpPr>
          <p:cNvPr id="10" name="text" descr="{&quot;templafy&quot;:{&quot;id&quot;:&quot;3f37cef6-0953-4862-96d6-f8636aaeb91f&quot;}}" title="UserProfile.Institut.InstituteDCU_{{DocumentLanguage}}">
            <a:extLst>
              <a:ext uri="{FF2B5EF4-FFF2-40B4-BE49-F238E27FC236}">
                <a16:creationId xmlns:a16="http://schemas.microsoft.com/office/drawing/2014/main" id="{9352CC46-5D8A-E205-DA47-B8EE34FF28C9}"/>
              </a:ext>
            </a:extLst>
          </p:cNvPr>
          <p:cNvSpPr txBox="1">
            <a:spLocks/>
          </p:cNvSpPr>
          <p:nvPr userDrawn="1"/>
        </p:nvSpPr>
        <p:spPr>
          <a:xfrm>
            <a:off x="411163" y="293276"/>
            <a:ext cx="5684837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SDU HR</a:t>
            </a:r>
          </a:p>
        </p:txBody>
      </p:sp>
    </p:spTree>
    <p:extLst>
      <p:ext uri="{BB962C8B-B14F-4D97-AF65-F5344CB8AC3E}">
        <p14:creationId xmlns:p14="http://schemas.microsoft.com/office/powerpoint/2010/main" val="31476366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E8FE8A7-3843-44B2-ACD4-C963FA542CE5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a1ebef4a-ac40-4043-8932-abfa43a785af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HR-service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ce3fcd79-315a-4d57-be59-67a1be9e7042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juni 2021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594DA479-AA88-4F7E-9C7B-859D162DC443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B7EEC8BE-D455-4F1A-96F9-196DA90C9B08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9" name="date" descr="{&quot;templafy&quot;:{&quot;id&quot;:&quot;6e7fa8f6-b943-468c-a3b0-2bb0b95a39bd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tx1"/>
              </a:solidFill>
            </a:endParaRPr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B7FC67D-9D50-43A2-AB74-1A82A02EB915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C8211BDC-D051-4213-BD10-AA2A4DEB77F0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" descr="{&quot;templafy&quot;:{&quot;id&quot;:&quot;e66d0ef3-6e31-43bb-a1a2-06a69bb9ce1b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256994"/>
            <a:ext cx="5684837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dirty="0"/>
          </a:p>
          <a:p>
            <a:endParaRPr lang="da-DK" dirty="0"/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5" name="date" descr="{&quot;templafy&quot;:{&quot;id&quot;:&quot;28fc132f-c3b8-46c7-9f07-ba455c9820b5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tx1"/>
              </a:solidFill>
            </a:endParaRP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7BDB5E6D-9426-43D5-AEF6-2FCB118EAA34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19673AA-DC72-4D86-A63F-1F1A2696306C}" type="datetime1">
              <a:rPr lang="da-DK" smtClean="0"/>
              <a:t>19-05-2025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E230EB9A-EA7E-43A3-B388-6795302A9645}" type="datetime1">
              <a:rPr lang="da-DK" smtClean="0"/>
              <a:t>19-05-2025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2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28" name="date" descr="{&quot;templafy&quot;:{&quot;id&quot;:&quot;12a6cd09-be4f-4437-bce6-75879bd9a0e6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tx1"/>
              </a:solidFill>
            </a:endParaRP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9-05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693" r:id="rId15"/>
    <p:sldLayoutId id="2147483694" r:id="rId16"/>
    <p:sldLayoutId id="2147483695" r:id="rId17"/>
    <p:sldLayoutId id="2147483696" r:id="rId18"/>
  </p:sldLayoutIdLst>
  <p:hf sldNum="0" hdr="0" ft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hyperlink" Target="mailto:org@sdu.dk" TargetMode="External"/><Relationship Id="rId2" Type="http://schemas.openxmlformats.org/officeDocument/2006/relationships/hyperlink" Target="https://sdunet.dk/da/servicesider/hr/kompetenceudvikling/udvalg-og-handleplan" TargetMode="External"/><Relationship Id="rId1" Type="http://schemas.openxmlformats.org/officeDocument/2006/relationships/slideLayout" Target="../slideLayouts/slideLayout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slideLayout" Target="../slideLayouts/slideLayout6.xml"/><Relationship Id="rId1" Type="http://schemas.openxmlformats.org/officeDocument/2006/relationships/tags" Target="../tags/tag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E5F43F0-9632-E2D4-56DE-2369D35458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Årlig drøftelse af karriere- og kompetenceudvikling</a:t>
            </a:r>
            <a:br>
              <a:rPr lang="da-DK" dirty="0"/>
            </a:br>
            <a:r>
              <a:rPr lang="da-DK" dirty="0"/>
              <a:t>2026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DFFCD23-03BB-A670-1578-E8393AF51259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1600" dirty="0">
                <a:solidFill>
                  <a:srgbClr val="354450"/>
                </a:solidFill>
                <a:latin typeface="Helvetica"/>
                <a:cs typeface="Helvetica"/>
              </a:rPr>
              <a:t>Dagsorden for den årlige drøftelse af karriere- og kompetenceudvikling er fastlagt, og der er en skabelon, der benyttes til referatet.</a:t>
            </a:r>
            <a:br>
              <a:rPr lang="da-DK" sz="1600" dirty="0">
                <a:solidFill>
                  <a:srgbClr val="354450"/>
                </a:solidFill>
                <a:latin typeface="Helvetica"/>
                <a:cs typeface="Helvetica"/>
              </a:rPr>
            </a:br>
            <a:endParaRPr lang="da-DK" sz="1600" dirty="0">
              <a:latin typeface="Helvetica"/>
              <a:cs typeface="Helvetica"/>
            </a:endParaRPr>
          </a:p>
          <a:p>
            <a:pPr marL="251460" indent="-251460"/>
            <a:r>
              <a:rPr lang="da-DK" sz="1600" dirty="0">
                <a:solidFill>
                  <a:srgbClr val="354450"/>
                </a:solidFill>
                <a:latin typeface="Helvetica"/>
                <a:cs typeface="Helvetica"/>
              </a:rPr>
              <a:t>Skabelonen findes på SDU HR’s </a:t>
            </a:r>
            <a:r>
              <a:rPr lang="da-DK" sz="1600" dirty="0">
                <a:solidFill>
                  <a:srgbClr val="354450"/>
                </a:solidFill>
                <a:latin typeface="Helvetica"/>
                <a:cs typeface="Helvetica"/>
                <a:hlinkClick r:id="rId2"/>
              </a:rPr>
              <a:t>serviceside om handleplanen for karriere- og kompetenceudvikling</a:t>
            </a:r>
            <a:r>
              <a:rPr lang="da-DK" sz="1600" dirty="0">
                <a:solidFill>
                  <a:srgbClr val="354450"/>
                </a:solidFill>
                <a:latin typeface="Helvetica"/>
                <a:cs typeface="Helvetica"/>
              </a:rPr>
              <a:t>.</a:t>
            </a:r>
          </a:p>
          <a:p>
            <a:pPr marL="0" indent="0">
              <a:buNone/>
            </a:pPr>
            <a:endParaRPr lang="da-DK" sz="1600" dirty="0">
              <a:solidFill>
                <a:srgbClr val="354450"/>
              </a:solidFill>
              <a:latin typeface="Helvetica"/>
              <a:cs typeface="Helvetica"/>
            </a:endParaRPr>
          </a:p>
          <a:p>
            <a:pPr marL="0" indent="0">
              <a:buNone/>
            </a:pPr>
            <a:r>
              <a:rPr lang="da-DK" sz="1600" dirty="0">
                <a:solidFill>
                  <a:srgbClr val="354450"/>
                </a:solidFill>
                <a:latin typeface="Helvetica"/>
                <a:cs typeface="Helvetica"/>
              </a:rPr>
              <a:t>På SDU HR’s serviceside finder I alt relevant materiale til drøftelsen.</a:t>
            </a:r>
          </a:p>
          <a:p>
            <a:pPr marL="0" indent="0">
              <a:buNone/>
            </a:pPr>
            <a:endParaRPr lang="da-DK" sz="1600" dirty="0">
              <a:solidFill>
                <a:srgbClr val="354450"/>
              </a:solidFill>
              <a:latin typeface="Helvetica"/>
              <a:cs typeface="Arial"/>
            </a:endParaRPr>
          </a:p>
          <a:p>
            <a:pPr marL="0" indent="0">
              <a:buNone/>
            </a:pPr>
            <a:r>
              <a:rPr lang="da-DK" sz="1600" b="1" dirty="0"/>
              <a:t>Hvis I selv udarbejder referat fra drøftelsen, skal referatet sendes til </a:t>
            </a:r>
            <a:r>
              <a:rPr lang="da-DK" sz="1600" b="1" dirty="0">
                <a:hlinkClick r:id="rId3"/>
              </a:rPr>
              <a:t>org@sdu.dk</a:t>
            </a:r>
            <a:r>
              <a:rPr lang="da-DK" sz="1600" b="1" dirty="0"/>
              <a:t> i forlængelse af drøftelsen. </a:t>
            </a:r>
            <a:endParaRPr lang="da-DK" sz="1600" b="1" i="0" dirty="0">
              <a:effectLst/>
            </a:endParaRPr>
          </a:p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B5B944E-60C1-CFF7-297B-A5E907E4A19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B7FC67D-9D50-43A2-AB74-1A82A02EB915}" type="datetime1">
              <a:rPr lang="da-DK" smtClean="0"/>
              <a:t>19-05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937950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38142E9-5A5B-373D-7F00-909EEA3BD9E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agsorde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A0B70BD-DF43-8254-06A1-0CCE89E9F901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251460" indent="-251460"/>
            <a:r>
              <a:rPr lang="da-DK" dirty="0"/>
              <a:t>Velkommen og præsentationer</a:t>
            </a:r>
            <a:endParaRPr lang="en-US" dirty="0"/>
          </a:p>
          <a:p>
            <a:pPr marL="251460" indent="-251460"/>
            <a:r>
              <a:rPr lang="da-DK" dirty="0"/>
              <a:t>Rammen for drøftelsen: Handleplan for karriere- og kompetenceudvikling på SDU</a:t>
            </a:r>
            <a:endParaRPr lang="da-DK" dirty="0">
              <a:cs typeface="Arial"/>
            </a:endParaRPr>
          </a:p>
          <a:p>
            <a:pPr marL="251460" indent="-251460"/>
            <a:r>
              <a:rPr lang="da-DK" dirty="0"/>
              <a:t>Instituttets strategi, muligheder og udfordringer: Fokus på forskning</a:t>
            </a:r>
            <a:endParaRPr lang="da-DK" dirty="0">
              <a:cs typeface="Arial"/>
            </a:endParaRPr>
          </a:p>
          <a:p>
            <a:pPr marL="503555" lvl="1" indent="-251460"/>
            <a:r>
              <a:rPr lang="da-DK" dirty="0"/>
              <a:t>Behov for karriere- og kompetenceudvikling for VIP og TAP</a:t>
            </a:r>
            <a:endParaRPr lang="da-DK" dirty="0">
              <a:cs typeface="Arial"/>
            </a:endParaRPr>
          </a:p>
          <a:p>
            <a:pPr marL="503555" lvl="1" indent="-251460"/>
            <a:r>
              <a:rPr lang="da-DK" dirty="0"/>
              <a:t>Karriere- og kompetenceudviklingstilbud på SDU</a:t>
            </a:r>
            <a:endParaRPr lang="da-DK" dirty="0">
              <a:cs typeface="Arial"/>
            </a:endParaRPr>
          </a:p>
          <a:p>
            <a:pPr marL="503555" lvl="1" indent="-251460"/>
            <a:r>
              <a:rPr lang="da-DK" dirty="0"/>
              <a:t>Match mellem tilbud og instituttets behov</a:t>
            </a:r>
            <a:endParaRPr lang="da-DK" dirty="0">
              <a:cs typeface="Arial"/>
            </a:endParaRPr>
          </a:p>
          <a:p>
            <a:pPr marL="251460" indent="-251460"/>
            <a:r>
              <a:rPr lang="da-DK" dirty="0">
                <a:cs typeface="Arial"/>
              </a:rPr>
              <a:t>Instituttets strategi, muligheder og udfordringer: Fokus på uddannelse</a:t>
            </a:r>
          </a:p>
          <a:p>
            <a:pPr marL="503555" lvl="1" indent="-251460"/>
            <a:r>
              <a:rPr lang="da-DK" dirty="0">
                <a:cs typeface="Arial"/>
              </a:rPr>
              <a:t>Behov for karriere- og kompetenceudvikling for VIP og TAP</a:t>
            </a:r>
            <a:endParaRPr lang="en-US" dirty="0">
              <a:cs typeface="Arial"/>
            </a:endParaRPr>
          </a:p>
          <a:p>
            <a:pPr marL="503555" lvl="1" indent="-251460"/>
            <a:r>
              <a:rPr lang="da-DK" dirty="0">
                <a:cs typeface="Arial"/>
              </a:rPr>
              <a:t>Karriere- og kompetenceudviklingstilbud på SDU</a:t>
            </a:r>
          </a:p>
          <a:p>
            <a:pPr marL="503555" lvl="1" indent="-251460"/>
            <a:r>
              <a:rPr lang="da-DK" dirty="0">
                <a:cs typeface="Arial"/>
              </a:rPr>
              <a:t>Match mellem tilbud og instituttets behov</a:t>
            </a:r>
            <a:endParaRPr lang="en-US" dirty="0">
              <a:cs typeface="Arial"/>
            </a:endParaRPr>
          </a:p>
          <a:p>
            <a:pPr marL="251460" indent="-251460"/>
            <a:r>
              <a:rPr lang="da-DK" dirty="0">
                <a:cs typeface="Arial"/>
              </a:rPr>
              <a:t>Instituttets strategi, muligheder og udfordringer: Fokus på samarbejde</a:t>
            </a:r>
          </a:p>
          <a:p>
            <a:pPr marL="503555" lvl="1" indent="-251460"/>
            <a:r>
              <a:rPr lang="da-DK" dirty="0">
                <a:cs typeface="Arial"/>
              </a:rPr>
              <a:t>Behov for karriere- og kompetenceudvikling for VIP og TAP</a:t>
            </a:r>
            <a:endParaRPr lang="en-US" dirty="0">
              <a:cs typeface="Arial"/>
            </a:endParaRPr>
          </a:p>
          <a:p>
            <a:pPr marL="503555" lvl="1" indent="-251460"/>
            <a:r>
              <a:rPr lang="da-DK" dirty="0">
                <a:cs typeface="Arial"/>
              </a:rPr>
              <a:t>Karriere- og kompetenceudviklingstilbud på SDU</a:t>
            </a:r>
          </a:p>
          <a:p>
            <a:pPr marL="503555" lvl="1" indent="-251460"/>
            <a:r>
              <a:rPr lang="da-DK" dirty="0">
                <a:cs typeface="Arial"/>
              </a:rPr>
              <a:t>Match mellem tilbud og instituttets behov</a:t>
            </a:r>
            <a:endParaRPr lang="en-US" dirty="0">
              <a:cs typeface="Arial"/>
            </a:endParaRPr>
          </a:p>
          <a:p>
            <a:pPr marL="251460" indent="-251460"/>
            <a:r>
              <a:rPr lang="da-DK" dirty="0"/>
              <a:t>Identifikation af fremadrettede indsatsområder</a:t>
            </a:r>
            <a:endParaRPr lang="da-DK" dirty="0">
              <a:cs typeface="Arial"/>
            </a:endParaRPr>
          </a:p>
          <a:p>
            <a:pPr marL="251460" indent="-251460"/>
            <a:r>
              <a:rPr lang="da-DK" dirty="0"/>
              <a:t>Opsamling og afrunding</a:t>
            </a:r>
            <a:endParaRPr lang="da-DK" dirty="0">
              <a:cs typeface="Arial"/>
            </a:endParaRPr>
          </a:p>
          <a:p>
            <a:pPr marL="503555" lvl="1" indent="-251460"/>
            <a:r>
              <a:rPr lang="da-DK" dirty="0"/>
              <a:t>SDU HR/SDUUP udarbejder opsamling på drøftelsen</a:t>
            </a:r>
            <a:endParaRPr lang="da-DK" dirty="0">
              <a:cs typeface="Arial"/>
            </a:endParaRPr>
          </a:p>
          <a:p>
            <a:pPr marL="503555" lvl="1" indent="-251460"/>
            <a:endParaRPr lang="da-DK" dirty="0">
              <a:cs typeface="Arial"/>
            </a:endParaRPr>
          </a:p>
          <a:p>
            <a:pPr marL="251460" indent="-251460"/>
            <a:endParaRPr lang="da-DK" dirty="0">
              <a:cs typeface="Arial"/>
            </a:endParaRPr>
          </a:p>
          <a:p>
            <a:pPr marL="251460" indent="-251460"/>
            <a:endParaRPr lang="da-DK" dirty="0">
              <a:cs typeface="Arial"/>
            </a:endParaRPr>
          </a:p>
          <a:p>
            <a:pPr marL="251460" indent="-251460"/>
            <a:endParaRPr lang="da-DK" dirty="0">
              <a:cs typeface="Arial"/>
            </a:endParaRPr>
          </a:p>
          <a:p>
            <a:pPr marL="503555" lvl="1" indent="-251460"/>
            <a:endParaRPr lang="da-DK" dirty="0">
              <a:cs typeface="Arial"/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014AC0C-FA3B-DAA4-851A-4BC8E01A9E1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B7FC67D-9D50-43A2-AB74-1A82A02EB915}" type="datetime1">
              <a:rPr lang="da-DK" smtClean="0"/>
              <a:t>19-05-2025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98B43FD-A999-1135-D6A6-C074A1C42321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71078" y="2223665"/>
            <a:ext cx="4027789" cy="40277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408023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gautier\AppData\Local\Templafy\AddIns\PowerPointVsto\Program.png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ppt/theme/theme3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type":"shape","id":"12a6cd09-be4f-4437-bce6-75879bd9a0e6","elementConfiguration":{"format":"{{DateFormats.MonthYear}}","binding":"Form.Date","disableUpdates":false,"type":"date"}},{"type":"shape","id":"5da24405-ee94-441c-85e3-2050def585e6","elementConfiguration":{"binding":"UserProfile.Institut.InstituteDCU_{{DocumentLanguage}}","disableUpdates":false,"type":"text"}},{"type":"shape","id":"e66d0ef3-6e31-43bb-a1a2-06a69bb9ce1b","elementConfiguration":{"binding":"UserProfile.Institut.InstituteDCU_{{DocumentLanguage}}","disableUpdates":false,"type":"text"}},{"type":"shape","id":"28fc132f-c3b8-46c7-9f07-ba455c9820b5","elementConfiguration":{"format":"{{DateFormats.MonthYear}}","binding":"Form.Date","disableUpdates":false,"type":"date"}},{"type":"shape","id":"a1ebef4a-ac40-4043-8932-abfa43a785af","elementConfiguration":{"binding":"UserProfile.Institut.InstituteDCU_{{DocumentLanguage}}","disableUpdates":false,"type":"text"}},{"type":"shape","id":"ce3fcd79-315a-4d57-be59-67a1be9e7042","elementConfiguration":{"format":"{{DateFormats.MonthYear}}","binding":"Form.Date","disableUpdates":false,"type":"date"}},{"type":"shape","id":"9471726b-0d41-4116-86d8-2cbee4305b0c","elementConfiguration":{"binding":"UserProfile.Institut.InstituteDCU_{{DocumentLanguage}}","disableUpdates":false,"type":"text"}},{"type":"shape","id":"f74ea2eb-fd78-43f5-9a4c-da36e36ed36f","elementConfiguration":{"format":"{{DateFormats.MonthYear}}","binding":"Form.Date","disableUpdates":false,"type":"date"}},{"type":"shape","id":"6e7fa8f6-b943-468c-a3b0-2bb0b95a39bd","elementConfiguration":{"format":"{{DateFormats.MonthYear}}","binding":"Form.Date","disableUpdates":false,"type":"date"}},{"type":"shape","id":"f4420735-8b25-4c85-925a-727277b35b55","elementConfiguration":{"binding":"UserProfile.Institut.InstituteDCU_{{DocumentLanguage}}","disableUpdates":false,"type":"text"}},{"type":"shape","id":"5d8dc467-c2ee-4ae7-96f2-a4e2332764aa","elementConfiguration":{"binding":"UserProfile.Institut.InstituteDCU_{{DocumentLanguage}}","disableUpdates":false,"type":"text"}},{"type":"shape","id":"472f669d-5212-4724-8bd4-d88b9719140a","elementConfiguration":{"binding":"UserProfile.Institut.InstituteDCU_{{DocumentLanguage}}","disableUpdates":false,"type":"text"}},{"type":"shape","id":"2e275e1b-e1f2-4374-8659-d1ee705ee4ac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31934E41696DFF499F695F9C5417C28C" ma:contentTypeVersion="8" ma:contentTypeDescription="Opret et nyt dokument." ma:contentTypeScope="" ma:versionID="2f5b027bedffb72b8ad45eb15485cee3">
  <xsd:schema xmlns:xsd="http://www.w3.org/2001/XMLSchema" xmlns:xs="http://www.w3.org/2001/XMLSchema" xmlns:p="http://schemas.microsoft.com/office/2006/metadata/properties" xmlns:ns2="699429f0-a5d8-495d-86c5-5420b5e991fd" xmlns:ns3="20d25014-df4e-4953-aa10-67f208273394" targetNamespace="http://schemas.microsoft.com/office/2006/metadata/properties" ma:root="true" ma:fieldsID="de75d0bd224f0b5a8d40fb77ba20935e" ns2:_="" ns3:_="">
    <xsd:import namespace="699429f0-a5d8-495d-86c5-5420b5e991fd"/>
    <xsd:import namespace="20d25014-df4e-4953-aa10-67f20827339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99429f0-a5d8-495d-86c5-5420b5e991f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ObjectDetectorVersions" ma:index="1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15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0d25014-df4e-4953-aa10-67f208273394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8Z/3ZhTwSrt60H5wkjqxeA=="}]}]]></TemplafyFormConfiguration>
</file>

<file path=customXml/item5.xml><?xml version="1.0" encoding="utf-8"?>
<TemplafySlideTemplateConfiguration><![CDATA[{"slideVersion":1,"isValidatorEnabled":false,"isLocked":false,"elementsMetadata":[],"slideId":"638376225108052281","enableDocumentContentUpdater":false,"version":"2.0"}]]></TemplafySlide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20d25014-df4e-4953-aa10-67f208273394">
      <UserInfo>
        <DisplayName>Jakob Ejersbo</DisplayName>
        <AccountId>12</AccountId>
        <AccountType/>
      </UserInfo>
      <UserInfo>
        <DisplayName>Rie Troelsen</DisplayName>
        <AccountId>13</AccountId>
        <AccountType/>
      </UserInfo>
    </SharedWithUsers>
  </documentManagement>
</p:properties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E249B2B3-174B-4487-B31B-F4741FE0844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99429f0-a5d8-495d-86c5-5420b5e991fd"/>
    <ds:schemaRef ds:uri="20d25014-df4e-4953-aa10-67f208273394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B9B1299E-09F4-4AB5-B5F4-4496DBC22B7E}">
  <ds:schemaRefs/>
</ds:datastoreItem>
</file>

<file path=customXml/itemProps4.xml><?xml version="1.0" encoding="utf-8"?>
<ds:datastoreItem xmlns:ds="http://schemas.openxmlformats.org/officeDocument/2006/customXml" ds:itemID="{C5CD5A01-6378-494D-B71B-D23DEC9A120C}">
  <ds:schemaRefs/>
</ds:datastoreItem>
</file>

<file path=customXml/itemProps5.xml><?xml version="1.0" encoding="utf-8"?>
<ds:datastoreItem xmlns:ds="http://schemas.openxmlformats.org/officeDocument/2006/customXml" ds:itemID="{4EE28290-6D9D-4994-8DC2-86F8D7A959F0}">
  <ds:schemaRefs/>
</ds:datastoreItem>
</file>

<file path=customXml/itemProps6.xml><?xml version="1.0" encoding="utf-8"?>
<ds:datastoreItem xmlns:ds="http://schemas.openxmlformats.org/officeDocument/2006/customXml" ds:itemID="{C7B90F25-7511-417A-A0EE-BD9EA6F1942E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0C29065C-568A-4022-AA96-FC5DF5DCE77D}">
  <ds:schemaRefs>
    <ds:schemaRef ds:uri="20d25014-df4e-4953-aa10-67f208273394"/>
    <ds:schemaRef ds:uri="http://purl.org/dc/elements/1.1/"/>
    <ds:schemaRef ds:uri="http://purl.org/dc/dcmitype/"/>
    <ds:schemaRef ds:uri="http://schemas.microsoft.com/office/infopath/2007/PartnerControls"/>
    <ds:schemaRef ds:uri="http://purl.org/dc/terms/"/>
    <ds:schemaRef ds:uri="http://schemas.microsoft.com/office/2006/metadata/properties"/>
    <ds:schemaRef ds:uri="699429f0-a5d8-495d-86c5-5420b5e991fd"/>
    <ds:schemaRef ds:uri="http://schemas.microsoft.com/office/2006/documentManagement/types"/>
    <ds:schemaRef ds:uri="http://schemas.openxmlformats.org/package/2006/metadata/core-properties"/>
    <ds:schemaRef ds:uri="http://www.w3.org/XML/1998/namespace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632</TotalTime>
  <Words>201</Words>
  <Application>Microsoft Office PowerPoint</Application>
  <PresentationFormat>Widescreen</PresentationFormat>
  <Paragraphs>30</Paragraphs>
  <Slides>2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</vt:i4>
      </vt:variant>
    </vt:vector>
  </HeadingPairs>
  <TitlesOfParts>
    <vt:vector size="7" baseType="lpstr">
      <vt:lpstr>Arial</vt:lpstr>
      <vt:lpstr>Calibri</vt:lpstr>
      <vt:lpstr>Helvetica</vt:lpstr>
      <vt:lpstr>Wingdings</vt:lpstr>
      <vt:lpstr>Blank</vt:lpstr>
      <vt:lpstr>Årlig drøftelse af karriere- og kompetenceudvikling 2026</vt:lpstr>
      <vt:lpstr>Dagsorde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Karriere- og kompetenceudvikling for VIP  Drøftelse af instituttets behov for og arbejde med karriere- og kompetenceudvikling for VIP efterår 2021</dc:title>
  <dc:creator/>
  <cp:lastModifiedBy>Sladja Zoric</cp:lastModifiedBy>
  <cp:revision>221</cp:revision>
  <dcterms:created xsi:type="dcterms:W3CDTF">2019-01-15T10:32:39Z</dcterms:created>
  <dcterms:modified xsi:type="dcterms:W3CDTF">2025-05-19T07:04:3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329888104918891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31934E41696DFF499F695F9C5417C28C</vt:lpwstr>
  </property>
</Properties>
</file>